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2708480" w14:textId="22A61AC0" w:rsidR="001444B4" w:rsidRPr="00C71ED2" w:rsidRDefault="00C71ED2" w:rsidP="007146EF">
      <w:pPr>
        <w:rPr>
          <w:b/>
          <w:bCs/>
        </w:rPr>
      </w:pPr>
      <w:r>
        <w:rPr>
          <w:b/>
          <w:bCs/>
        </w:rPr>
        <w:t>Å</w:t>
      </w:r>
      <w:r w:rsidR="001444B4" w:rsidRPr="00EE4D01">
        <w:rPr>
          <w:b/>
          <w:bCs/>
        </w:rPr>
        <w:t>rshjul for LSU-LAMU på CED</w:t>
      </w:r>
    </w:p>
    <w:p w14:paraId="43D78162" w14:textId="1D47C956" w:rsidR="00EE4D01" w:rsidRDefault="00390F1A" w:rsidP="007146EF">
      <w:r>
        <w:t>LSU-LAMU har fokus på emner, der berører hele CED og drøfter principielle spørgsmål</w:t>
      </w:r>
      <w:r w:rsidR="00435091">
        <w:t>, tværgående temaer og sikrer gensidig orientering. LSU-LAMU mødes fire gange om året</w:t>
      </w:r>
      <w:r>
        <w:t>.</w:t>
      </w:r>
    </w:p>
    <w:tbl>
      <w:tblPr>
        <w:tblStyle w:val="Tabel-Gitter"/>
        <w:tblW w:w="0" w:type="auto"/>
        <w:tblCellMar>
          <w:top w:w="57" w:type="dxa"/>
          <w:bottom w:w="57" w:type="dxa"/>
        </w:tblCellMar>
        <w:tblLook w:val="04A0" w:firstRow="1" w:lastRow="0" w:firstColumn="1" w:lastColumn="0" w:noHBand="0" w:noVBand="1"/>
      </w:tblPr>
      <w:tblGrid>
        <w:gridCol w:w="1271"/>
        <w:gridCol w:w="7796"/>
      </w:tblGrid>
      <w:tr w:rsidR="00EE4D01" w14:paraId="7DC2E009" w14:textId="77777777" w:rsidTr="00EE4D01">
        <w:tc>
          <w:tcPr>
            <w:tcW w:w="1271" w:type="dxa"/>
            <w:vAlign w:val="center"/>
          </w:tcPr>
          <w:p w14:paraId="2C53F84D" w14:textId="4133A537" w:rsidR="00EE4D01" w:rsidRDefault="00EE4D01" w:rsidP="00EB5ABA">
            <w:pPr>
              <w:suppressAutoHyphens/>
              <w:spacing w:after="0" w:line="240" w:lineRule="auto"/>
              <w:jc w:val="left"/>
            </w:pPr>
            <w:r>
              <w:t>Februar</w:t>
            </w:r>
          </w:p>
        </w:tc>
        <w:tc>
          <w:tcPr>
            <w:tcW w:w="7796" w:type="dxa"/>
            <w:vAlign w:val="center"/>
          </w:tcPr>
          <w:p w14:paraId="533347C2" w14:textId="792A444D" w:rsidR="00EE4D01" w:rsidRDefault="00EE4D01" w:rsidP="00EE4D01">
            <w:pPr>
              <w:pStyle w:val="Listeafsnit"/>
            </w:pPr>
            <w:r>
              <w:t>Nyt fra arbejdsmiljøgruppen</w:t>
            </w:r>
          </w:p>
          <w:p w14:paraId="46C98C97" w14:textId="2F375484" w:rsidR="001E7791" w:rsidRDefault="001E7791" w:rsidP="00FE6E3A">
            <w:pPr>
              <w:pStyle w:val="Listeafsnit"/>
            </w:pPr>
            <w:r>
              <w:t xml:space="preserve">Evaluering af </w:t>
            </w:r>
            <w:r w:rsidR="00064063">
              <w:t xml:space="preserve">efterårets </w:t>
            </w:r>
            <w:r>
              <w:t xml:space="preserve">MUS og </w:t>
            </w:r>
            <w:r w:rsidR="00390F1A">
              <w:t xml:space="preserve">drøftelse af </w:t>
            </w:r>
            <w:r>
              <w:t>kompetenceudvikling på CED</w:t>
            </w:r>
          </w:p>
          <w:p w14:paraId="42FD549D" w14:textId="3F5BCB48" w:rsidR="00F608A6" w:rsidRDefault="00F608A6" w:rsidP="00F608A6">
            <w:pPr>
              <w:pStyle w:val="Listeafsnit"/>
            </w:pPr>
            <w:r>
              <w:t xml:space="preserve">CEDs økonomi (budget) </w:t>
            </w:r>
          </w:p>
          <w:p w14:paraId="70CA0012" w14:textId="3D364CA6" w:rsidR="00FE6E3A" w:rsidRDefault="00FE6E3A" w:rsidP="00FE6E3A">
            <w:pPr>
              <w:pStyle w:val="Listeafsnit"/>
            </w:pPr>
            <w:r>
              <w:t xml:space="preserve">Opfølgning på løbende sager og gensidig orientering </w:t>
            </w:r>
          </w:p>
          <w:p w14:paraId="2C696C27" w14:textId="247126F9" w:rsidR="00EE4D01" w:rsidRDefault="00EE4D01" w:rsidP="00EE4D01">
            <w:pPr>
              <w:pStyle w:val="Listeafsnit"/>
            </w:pPr>
            <w:r>
              <w:t>Kommunikation fra mødet</w:t>
            </w:r>
          </w:p>
        </w:tc>
      </w:tr>
      <w:tr w:rsidR="00EE4D01" w14:paraId="3C1EA92B" w14:textId="77777777" w:rsidTr="00EE4D01">
        <w:tc>
          <w:tcPr>
            <w:tcW w:w="1271" w:type="dxa"/>
            <w:vAlign w:val="center"/>
          </w:tcPr>
          <w:p w14:paraId="3819AC49" w14:textId="505AF5C3" w:rsidR="00EE4D01" w:rsidRDefault="00EE4D01" w:rsidP="00EB5ABA">
            <w:pPr>
              <w:suppressAutoHyphens/>
              <w:spacing w:after="0" w:line="240" w:lineRule="auto"/>
              <w:jc w:val="left"/>
            </w:pPr>
            <w:r>
              <w:t>Maj</w:t>
            </w:r>
          </w:p>
        </w:tc>
        <w:tc>
          <w:tcPr>
            <w:tcW w:w="7796" w:type="dxa"/>
            <w:vAlign w:val="center"/>
          </w:tcPr>
          <w:p w14:paraId="4CD08260" w14:textId="77777777" w:rsidR="00EE4D01" w:rsidRDefault="00EE4D01" w:rsidP="00EB5ABA">
            <w:pPr>
              <w:pStyle w:val="Listeafsnit"/>
            </w:pPr>
            <w:r>
              <w:t>Opfølgning på APV</w:t>
            </w:r>
          </w:p>
          <w:p w14:paraId="09ECDC1E" w14:textId="77777777" w:rsidR="00EE4D01" w:rsidRDefault="00EE4D01" w:rsidP="00EB5ABA">
            <w:pPr>
              <w:pStyle w:val="Listeafsnit"/>
            </w:pPr>
            <w:r>
              <w:t>Status på evakuering og beredskab (brandøvelse)</w:t>
            </w:r>
          </w:p>
          <w:p w14:paraId="1B2B8519" w14:textId="4D48B77D" w:rsidR="00642A21" w:rsidRDefault="006B1427" w:rsidP="00EB5ABA">
            <w:pPr>
              <w:pStyle w:val="Listeafsnit"/>
            </w:pPr>
            <w:r>
              <w:t>Prin</w:t>
            </w:r>
            <w:r w:rsidR="005D5C7E">
              <w:t>c</w:t>
            </w:r>
            <w:r>
              <w:t>ipper for årets MUS</w:t>
            </w:r>
          </w:p>
          <w:p w14:paraId="7A466EF4" w14:textId="77777777" w:rsidR="00F608A6" w:rsidRDefault="00F608A6" w:rsidP="00F608A6">
            <w:pPr>
              <w:pStyle w:val="Listeafsnit"/>
            </w:pPr>
            <w:r>
              <w:t>CEDs årsrapport (inklusive mål og resultater)</w:t>
            </w:r>
          </w:p>
          <w:p w14:paraId="107195AC" w14:textId="77777777" w:rsidR="00FE6E3A" w:rsidRDefault="00FE6E3A" w:rsidP="00FE6E3A">
            <w:pPr>
              <w:pStyle w:val="Listeafsnit"/>
            </w:pPr>
            <w:r>
              <w:t xml:space="preserve">Opfølgning på løbende sager og gensidig orientering </w:t>
            </w:r>
          </w:p>
          <w:p w14:paraId="4BF33F77" w14:textId="3CA142B6" w:rsidR="00EE4D01" w:rsidRDefault="00EE4D01" w:rsidP="00EB5ABA">
            <w:pPr>
              <w:pStyle w:val="Listeafsnit"/>
            </w:pPr>
            <w:r>
              <w:t>Kommunikation fra mødet</w:t>
            </w:r>
          </w:p>
        </w:tc>
      </w:tr>
      <w:tr w:rsidR="00EE4D01" w14:paraId="621978E4" w14:textId="77777777" w:rsidTr="00EE4D01">
        <w:tc>
          <w:tcPr>
            <w:tcW w:w="1271" w:type="dxa"/>
            <w:vAlign w:val="center"/>
          </w:tcPr>
          <w:p w14:paraId="7F4CA8BD" w14:textId="0BC297B2" w:rsidR="00EE4D01" w:rsidRDefault="00EE4D01" w:rsidP="00EB5ABA">
            <w:pPr>
              <w:suppressAutoHyphens/>
              <w:spacing w:after="0" w:line="240" w:lineRule="auto"/>
              <w:jc w:val="left"/>
            </w:pPr>
            <w:r>
              <w:t>August</w:t>
            </w:r>
          </w:p>
        </w:tc>
        <w:tc>
          <w:tcPr>
            <w:tcW w:w="7796" w:type="dxa"/>
            <w:vAlign w:val="center"/>
          </w:tcPr>
          <w:p w14:paraId="702432CC" w14:textId="11DC0C0A" w:rsidR="00390F1A" w:rsidRDefault="00390F1A" w:rsidP="00EB5ABA">
            <w:pPr>
              <w:pStyle w:val="Listeafsnit"/>
            </w:pPr>
            <w:r>
              <w:t>Tværgående</w:t>
            </w:r>
            <w:r w:rsidR="00C91799">
              <w:t xml:space="preserve"> større</w:t>
            </w:r>
            <w:r>
              <w:t xml:space="preserve"> temadrøftelse</w:t>
            </w:r>
          </w:p>
          <w:p w14:paraId="2F2710D0" w14:textId="77777777" w:rsidR="0087391B" w:rsidRDefault="0087391B" w:rsidP="0087391B">
            <w:pPr>
              <w:pStyle w:val="Listeafsnit"/>
            </w:pPr>
            <w:r>
              <w:t>Arbejdsmiljøstatistik</w:t>
            </w:r>
          </w:p>
          <w:p w14:paraId="7087A6F2" w14:textId="77777777" w:rsidR="00FE6E3A" w:rsidRDefault="00FE6E3A" w:rsidP="00FE6E3A">
            <w:pPr>
              <w:pStyle w:val="Listeafsnit"/>
            </w:pPr>
            <w:r>
              <w:t xml:space="preserve">Opfølgning på løbende sager og gensidig orientering </w:t>
            </w:r>
          </w:p>
          <w:p w14:paraId="3AF25DDC" w14:textId="6D06AB2E" w:rsidR="00EE4D01" w:rsidRDefault="00EE4D01" w:rsidP="00EB5ABA">
            <w:pPr>
              <w:pStyle w:val="Listeafsnit"/>
            </w:pPr>
            <w:r>
              <w:t>Kommunikation fra mødet</w:t>
            </w:r>
          </w:p>
        </w:tc>
      </w:tr>
      <w:tr w:rsidR="00EE4D01" w14:paraId="325F6152" w14:textId="77777777" w:rsidTr="00EE4D01">
        <w:tc>
          <w:tcPr>
            <w:tcW w:w="1271" w:type="dxa"/>
            <w:vAlign w:val="center"/>
          </w:tcPr>
          <w:p w14:paraId="063F9C12" w14:textId="069A1689" w:rsidR="00EE4D01" w:rsidRDefault="00EE4D01" w:rsidP="00EB5ABA">
            <w:pPr>
              <w:suppressAutoHyphens/>
              <w:spacing w:after="0" w:line="240" w:lineRule="auto"/>
              <w:jc w:val="left"/>
            </w:pPr>
            <w:r>
              <w:t>November</w:t>
            </w:r>
          </w:p>
        </w:tc>
        <w:tc>
          <w:tcPr>
            <w:tcW w:w="7796" w:type="dxa"/>
            <w:vAlign w:val="center"/>
          </w:tcPr>
          <w:p w14:paraId="519E8AD2" w14:textId="77777777" w:rsidR="00EE4D01" w:rsidRDefault="00EE4D01" w:rsidP="00EB5ABA">
            <w:pPr>
              <w:pStyle w:val="Listeafsnit"/>
            </w:pPr>
            <w:r>
              <w:t>Årlig arbejdsmiljødrøftelse</w:t>
            </w:r>
          </w:p>
          <w:p w14:paraId="7BEFA948" w14:textId="69BA31D4" w:rsidR="00064063" w:rsidRDefault="00390F1A" w:rsidP="00FE6E3A">
            <w:pPr>
              <w:pStyle w:val="Listeafsnit"/>
            </w:pPr>
            <w:r>
              <w:t>Principper</w:t>
            </w:r>
            <w:r w:rsidR="00064063">
              <w:t xml:space="preserve"> for lønforhandlinger</w:t>
            </w:r>
          </w:p>
          <w:p w14:paraId="1F1C8C59" w14:textId="50B2F1B6" w:rsidR="00FE6E3A" w:rsidRDefault="00FE6E3A" w:rsidP="00FE6E3A">
            <w:pPr>
              <w:pStyle w:val="Listeafsnit"/>
            </w:pPr>
            <w:r>
              <w:t>Opfølgning på løbende sager og gensidig orientering</w:t>
            </w:r>
          </w:p>
          <w:p w14:paraId="79363A5A" w14:textId="6C741AD5" w:rsidR="00FE6E3A" w:rsidRDefault="00FE6E3A" w:rsidP="00FE6E3A">
            <w:pPr>
              <w:pStyle w:val="Listeafsnit"/>
            </w:pPr>
            <w:r>
              <w:t>Evaluering af året, der gik, og plan for næste år</w:t>
            </w:r>
          </w:p>
          <w:p w14:paraId="51531ED4" w14:textId="58AEF39C" w:rsidR="00EE4D01" w:rsidRDefault="00EE4D01" w:rsidP="00EB5ABA">
            <w:pPr>
              <w:pStyle w:val="Listeafsnit"/>
            </w:pPr>
            <w:r>
              <w:t>Kommunikation fra mødet</w:t>
            </w:r>
          </w:p>
        </w:tc>
      </w:tr>
    </w:tbl>
    <w:p w14:paraId="3CCFBD43" w14:textId="77777777" w:rsidR="001444B4" w:rsidRDefault="001444B4" w:rsidP="007146EF"/>
    <w:sectPr w:rsidR="001444B4" w:rsidSect="00D27191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E35F243" w14:textId="77777777" w:rsidR="00B33ACA" w:rsidRPr="005A5846" w:rsidRDefault="00B33ACA">
      <w:r w:rsidRPr="005A5846">
        <w:separator/>
      </w:r>
    </w:p>
  </w:endnote>
  <w:endnote w:type="continuationSeparator" w:id="0">
    <w:p w14:paraId="002AE471" w14:textId="77777777" w:rsidR="00B33ACA" w:rsidRPr="005A5846" w:rsidRDefault="00B33ACA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97A88992-A14B-490B-8C0B-2521D5EDBC0C}"/>
    <w:embedBold r:id="rId2" w:fontKey="{5D868C21-0184-4CF2-8B01-7DEF597C7CEC}"/>
    <w:embedItalic r:id="rId3" w:fontKey="{4734414E-F71E-42D8-BEBA-DD4EBEA9312E}"/>
    <w:embedBoldItalic r:id="rId4" w:fontKey="{D5FC8290-85D6-4FAB-B014-9DBAC572D3AA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6C9AFBBE-8EA7-4102-A311-CA1E5B3EB6B7}"/>
    <w:embedBold r:id="rId6" w:fontKey="{87C8E714-6821-48B7-BC06-1CCAF0100093}"/>
    <w:embedItalic r:id="rId7" w:fontKey="{6D334D2A-A587-45C5-9BA4-C586865E80EE}"/>
  </w:font>
  <w:font w:name="AU Passata Light">
    <w:altName w:val="Calibri"/>
    <w:panose1 w:val="020B0303030902030804"/>
    <w:charset w:val="00"/>
    <w:family w:val="swiss"/>
    <w:pitch w:val="variable"/>
    <w:sig w:usb0="A00000AF" w:usb1="5000204A" w:usb2="00000000" w:usb3="00000000" w:csb0="0000009B" w:csb1="00000000"/>
    <w:embedRegular r:id="rId8" w:fontKey="{AE10F337-08E3-4C1E-B7EC-F813A70CD100}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9" w:fontKey="{AE3DBAEE-60AE-4FBD-BA82-4D5108EB08C0}"/>
    <w:embedBold r:id="rId10" w:fontKey="{C736D5ED-E3CE-48A0-9568-3EAC8F846E8F}"/>
    <w:embedItalic r:id="rId11" w:fontKey="{FE1DE840-CE72-4CC7-9C40-918E5FC9AE09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12" w:fontKey="{D76311A4-2972-41E0-91EE-E70097E446FD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13" w:fontKey="{C0E6184B-78D9-4091-B02C-AF1D791C9895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4" w:fontKey="{B314E457-4E99-45E1-81E0-0BFE44FB4ECD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1BCFBEB" w14:textId="77777777" w:rsidR="006D5CFC" w:rsidRPr="005A5846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E40FFAE" w14:textId="77777777" w:rsidR="00336DC5" w:rsidRPr="005A5846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C17993" w14:textId="77777777" w:rsidR="00CB7E17" w:rsidRPr="005A5846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B205CE8" w14:textId="77777777" w:rsidR="00B33ACA" w:rsidRPr="005A5846" w:rsidRDefault="00B33ACA">
      <w:r w:rsidRPr="005A5846">
        <w:separator/>
      </w:r>
    </w:p>
  </w:footnote>
  <w:footnote w:type="continuationSeparator" w:id="0">
    <w:p w14:paraId="5C800E79" w14:textId="77777777" w:rsidR="00B33ACA" w:rsidRPr="005A5846" w:rsidRDefault="00B33ACA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4A7B12A" w14:textId="77777777" w:rsidR="006D5CFC" w:rsidRPr="005A5846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BDA2644" w14:textId="77777777" w:rsidR="00160373" w:rsidRPr="005A5846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C366534" w14:textId="77777777" w:rsidR="00160373" w:rsidRPr="005A5846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2EFD5996"/>
    <w:multiLevelType w:val="hybridMultilevel"/>
    <w:tmpl w:val="A30C830A"/>
    <w:lvl w:ilvl="0" w:tplc="AA40E29A">
      <w:numFmt w:val="bullet"/>
      <w:pStyle w:val="Listeafsnit"/>
      <w:lvlText w:val="-"/>
      <w:lvlJc w:val="left"/>
      <w:pPr>
        <w:ind w:left="360" w:hanging="360"/>
      </w:pPr>
      <w:rPr>
        <w:rFonts w:ascii="Georgia" w:eastAsiaTheme="minorHAnsi" w:hAnsi="Georgia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7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8" w15:restartNumberingAfterBreak="0">
    <w:nsid w:val="48FD530B"/>
    <w:multiLevelType w:val="hybridMultilevel"/>
    <w:tmpl w:val="55BC5E4A"/>
    <w:lvl w:ilvl="0" w:tplc="65BAFFD6">
      <w:numFmt w:val="bullet"/>
      <w:lvlText w:val="-"/>
      <w:lvlJc w:val="left"/>
      <w:pPr>
        <w:ind w:left="1664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238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310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82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54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26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98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70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424" w:hanging="360"/>
      </w:pPr>
      <w:rPr>
        <w:rFonts w:ascii="Wingdings" w:hAnsi="Wingdings" w:hint="default"/>
      </w:rPr>
    </w:lvl>
  </w:abstractNum>
  <w:abstractNum w:abstractNumId="19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0" w15:restartNumberingAfterBreak="0">
    <w:nsid w:val="4E9C7302"/>
    <w:multiLevelType w:val="hybridMultilevel"/>
    <w:tmpl w:val="C39EFC88"/>
    <w:lvl w:ilvl="0" w:tplc="0406000F">
      <w:start w:val="1"/>
      <w:numFmt w:val="decimal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1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2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3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4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9"/>
  </w:num>
  <w:num w:numId="2" w16cid:durableId="1466388565">
    <w:abstractNumId w:val="10"/>
  </w:num>
  <w:num w:numId="3" w16cid:durableId="1146776149">
    <w:abstractNumId w:val="17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6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3"/>
  </w:num>
  <w:num w:numId="15" w16cid:durableId="1143959197">
    <w:abstractNumId w:val="24"/>
  </w:num>
  <w:num w:numId="16" w16cid:durableId="1695569496">
    <w:abstractNumId w:val="22"/>
  </w:num>
  <w:num w:numId="17" w16cid:durableId="1333147944">
    <w:abstractNumId w:val="13"/>
  </w:num>
  <w:num w:numId="18" w16cid:durableId="1651203249">
    <w:abstractNumId w:val="21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 w:numId="23" w16cid:durableId="1689018082">
    <w:abstractNumId w:val="20"/>
  </w:num>
  <w:num w:numId="24" w16cid:durableId="1476139250">
    <w:abstractNumId w:val="18"/>
  </w:num>
  <w:num w:numId="25" w16cid:durableId="1694568804">
    <w:abstractNumId w:val="15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1444B4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4063"/>
    <w:rsid w:val="00065C0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4417"/>
    <w:rsid w:val="001444B4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E7791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A4E23"/>
    <w:rsid w:val="002B043A"/>
    <w:rsid w:val="002B6407"/>
    <w:rsid w:val="002C100C"/>
    <w:rsid w:val="002D307A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0F1A"/>
    <w:rsid w:val="003955CD"/>
    <w:rsid w:val="003A0992"/>
    <w:rsid w:val="003A5CC4"/>
    <w:rsid w:val="003A6848"/>
    <w:rsid w:val="003E6170"/>
    <w:rsid w:val="003F33BA"/>
    <w:rsid w:val="003F546F"/>
    <w:rsid w:val="00404FD1"/>
    <w:rsid w:val="00411A1B"/>
    <w:rsid w:val="00423170"/>
    <w:rsid w:val="004262ED"/>
    <w:rsid w:val="0043392E"/>
    <w:rsid w:val="00435091"/>
    <w:rsid w:val="0043573B"/>
    <w:rsid w:val="00441897"/>
    <w:rsid w:val="00443D5B"/>
    <w:rsid w:val="00446187"/>
    <w:rsid w:val="00450B9C"/>
    <w:rsid w:val="00467364"/>
    <w:rsid w:val="00471E2C"/>
    <w:rsid w:val="00475F24"/>
    <w:rsid w:val="004773BC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55B6"/>
    <w:rsid w:val="00577E20"/>
    <w:rsid w:val="005802EE"/>
    <w:rsid w:val="005909A7"/>
    <w:rsid w:val="00595CFB"/>
    <w:rsid w:val="005A5846"/>
    <w:rsid w:val="005A641C"/>
    <w:rsid w:val="005B1DAA"/>
    <w:rsid w:val="005B34A3"/>
    <w:rsid w:val="005C13F3"/>
    <w:rsid w:val="005C7510"/>
    <w:rsid w:val="005D11FE"/>
    <w:rsid w:val="005D5C7E"/>
    <w:rsid w:val="005D5DAA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313FA"/>
    <w:rsid w:val="00641B24"/>
    <w:rsid w:val="00642A21"/>
    <w:rsid w:val="00643A7A"/>
    <w:rsid w:val="00650332"/>
    <w:rsid w:val="00654046"/>
    <w:rsid w:val="0065762A"/>
    <w:rsid w:val="00663BC3"/>
    <w:rsid w:val="00664646"/>
    <w:rsid w:val="00666196"/>
    <w:rsid w:val="0066674A"/>
    <w:rsid w:val="006764B9"/>
    <w:rsid w:val="006803D7"/>
    <w:rsid w:val="00681D28"/>
    <w:rsid w:val="00683BE2"/>
    <w:rsid w:val="0069128A"/>
    <w:rsid w:val="006964C1"/>
    <w:rsid w:val="006971AA"/>
    <w:rsid w:val="006A2502"/>
    <w:rsid w:val="006A2A14"/>
    <w:rsid w:val="006A7ADC"/>
    <w:rsid w:val="006B1427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F4B3E"/>
    <w:rsid w:val="0070345D"/>
    <w:rsid w:val="007146EF"/>
    <w:rsid w:val="0071730A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6583D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7391B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9225A"/>
    <w:rsid w:val="00AA08AE"/>
    <w:rsid w:val="00AA0EF9"/>
    <w:rsid w:val="00AB36AC"/>
    <w:rsid w:val="00AB4E1D"/>
    <w:rsid w:val="00AB6E12"/>
    <w:rsid w:val="00AC0832"/>
    <w:rsid w:val="00AC1DBC"/>
    <w:rsid w:val="00AC69F4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33ACA"/>
    <w:rsid w:val="00B357C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1ED2"/>
    <w:rsid w:val="00C720E8"/>
    <w:rsid w:val="00C723B1"/>
    <w:rsid w:val="00C74A89"/>
    <w:rsid w:val="00C77F09"/>
    <w:rsid w:val="00C84EA5"/>
    <w:rsid w:val="00C91799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5A51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0569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966E9"/>
    <w:rsid w:val="00EA40B3"/>
    <w:rsid w:val="00EA6633"/>
    <w:rsid w:val="00EB31F8"/>
    <w:rsid w:val="00EB5ABA"/>
    <w:rsid w:val="00EC06F0"/>
    <w:rsid w:val="00ED29B8"/>
    <w:rsid w:val="00EE4D01"/>
    <w:rsid w:val="00EE7C7A"/>
    <w:rsid w:val="00F30976"/>
    <w:rsid w:val="00F4463E"/>
    <w:rsid w:val="00F45004"/>
    <w:rsid w:val="00F51363"/>
    <w:rsid w:val="00F51960"/>
    <w:rsid w:val="00F57448"/>
    <w:rsid w:val="00F608A6"/>
    <w:rsid w:val="00F626ED"/>
    <w:rsid w:val="00F7301B"/>
    <w:rsid w:val="00F7428E"/>
    <w:rsid w:val="00FA1193"/>
    <w:rsid w:val="00FA31F3"/>
    <w:rsid w:val="00FB2419"/>
    <w:rsid w:val="00FB3F65"/>
    <w:rsid w:val="00FC1B66"/>
    <w:rsid w:val="00FC2003"/>
    <w:rsid w:val="00FC39B0"/>
    <w:rsid w:val="00FD440F"/>
    <w:rsid w:val="00FE0DAB"/>
    <w:rsid w:val="00FE22D4"/>
    <w:rsid w:val="00FE6E3A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73DB135"/>
  <w15:docId w15:val="{3CE09FA1-9A03-4D56-8AAA-7BF91C10DA5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da-DK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eafsnit">
    <w:name w:val="List Paragraph"/>
    <w:basedOn w:val="Normal"/>
    <w:autoRedefine/>
    <w:uiPriority w:val="34"/>
    <w:qFormat/>
    <w:rsid w:val="00EB5ABA"/>
    <w:pPr>
      <w:numPr>
        <w:numId w:val="25"/>
      </w:numPr>
      <w:suppressAutoHyphens/>
      <w:spacing w:after="0" w:line="240" w:lineRule="auto"/>
      <w:contextualSpacing/>
      <w:jc w:val="left"/>
    </w:p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18255\AppData\Local\Temp\Templafy\WordVsto\2udayc2o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5766FB9-B645-46AE-A645-02027FC14433}">
  <ds:schemaRefs/>
</ds:datastoreItem>
</file>

<file path=customXml/itemProps2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C84134D-B8AA-4A35-854B-D76D18C7832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udayc2o</Template>
  <TotalTime>1</TotalTime>
  <Pages>1</Pages>
  <Words>135</Words>
  <Characters>827</Characters>
  <Application>Microsoft Office Word</Application>
  <DocSecurity>4</DocSecurity>
  <Lines>6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9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Anne Mette Mørcke</dc:creator>
  <cp:lastModifiedBy>Bente Jønshøj</cp:lastModifiedBy>
  <cp:revision>2</cp:revision>
  <dcterms:created xsi:type="dcterms:W3CDTF">2026-03-17T10:52:00Z</dcterms:created>
  <dcterms:modified xsi:type="dcterms:W3CDTF">2026-03-17T10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277030589858579348</vt:lpwstr>
  </property>
  <property fmtid="{D5CDD505-2E9C-101B-9397-08002B2CF9AE}" pid="8" name="TemplafyUserProfileId">
    <vt:lpwstr>1208453851287389165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</Properties>
</file>